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6\③一般競争入札\4.告示起案（業務委託　２項目以上）\告示用\228\"/>
    </mc:Choice>
  </mc:AlternateContent>
  <xr:revisionPtr revIDLastSave="0" documentId="13_ncr:1_{B0B2F23F-88B1-4B98-98AC-58B2DEACB8F4}" xr6:coauthVersionLast="47" xr6:coauthVersionMax="47" xr10:uidLastSave="{00000000-0000-0000-0000-000000000000}"/>
  <bookViews>
    <workbookView xWindow="-120" yWindow="-120" windowWidth="29040" windowHeight="15840" xr2:uid="{9E06AE44-A43E-4960-B82B-6BDC7ECE04FE}"/>
  </bookViews>
  <sheets>
    <sheet name="22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29">
  <si>
    <t>名称№２２８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２）</t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蛍光管</t>
  </si>
  <si>
    <t>収集運搬及び処分</t>
  </si>
  <si>
    <t>Ｋｇ</t>
  </si>
  <si>
    <t>水銀灯（球）</t>
  </si>
  <si>
    <t>安定器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C69AF6C3-8690-4A2D-B2E4-AA0A89515E10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4D69AD-208B-47DF-8C8B-C14434976533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F12" sqref="F12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7662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4</v>
      </c>
      <c r="F10" s="25">
        <v>147</v>
      </c>
      <c r="G10" s="32"/>
      <c r="H10" s="27"/>
    </row>
    <row r="11" spans="1:10" ht="24.95" customHeight="1" x14ac:dyDescent="0.15">
      <c r="A11" s="20">
        <v>3</v>
      </c>
      <c r="B11" s="28" t="s">
        <v>16</v>
      </c>
      <c r="C11" s="29">
        <v>1</v>
      </c>
      <c r="D11" s="30" t="s">
        <v>13</v>
      </c>
      <c r="E11" s="31" t="s">
        <v>14</v>
      </c>
      <c r="F11" s="25">
        <v>610</v>
      </c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8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9</v>
      </c>
      <c r="H42" s="56"/>
    </row>
    <row r="43" spans="1:8" ht="20.100000000000001" customHeight="1" x14ac:dyDescent="0.15">
      <c r="A43" s="56"/>
      <c r="B43" s="56" t="s">
        <v>20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1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2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3</v>
      </c>
      <c r="E46" s="56"/>
      <c r="F46" s="56"/>
      <c r="G46" s="56"/>
      <c r="H46" s="57" t="s">
        <v>24</v>
      </c>
    </row>
    <row r="47" spans="1:8" ht="20.100000000000001" customHeight="1" x14ac:dyDescent="0.15">
      <c r="A47" s="56"/>
      <c r="B47" s="56"/>
      <c r="C47" s="56"/>
      <c r="D47" s="57" t="s">
        <v>25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6</v>
      </c>
      <c r="E49" s="56"/>
      <c r="F49" s="59"/>
      <c r="G49" s="56"/>
      <c r="H49" s="57" t="s">
        <v>24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7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8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8</vt:lpstr>
      <vt:lpstr>'22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4:57Z</dcterms:created>
  <dcterms:modified xsi:type="dcterms:W3CDTF">2024-02-07T08:01:24Z</dcterms:modified>
</cp:coreProperties>
</file>